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14:paraId="7415330F" w14:textId="7F1FA7EA" w:rsidR="009000CE" w:rsidRDefault="00ED34AE" w:rsidP="00ED34AE">
                <w:pPr>
                  <w:pStyle w:val="Title"/>
                </w:pPr>
                <w:r>
                  <w:t>&lt;</w:t>
                </w:r>
                <w:r w:rsidR="00461BEF">
                  <w:t>Team 43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4C874516" w:rsidR="009000CE" w:rsidRDefault="001818D8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837F66">
                  <w:t>Georgia Platt, Jackson Scown &amp; Gia Huy Lieu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02FE3EB5" w:rsidR="009000CE" w:rsidRDefault="001818D8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3-08-15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837F66">
                  <w:t>August 15, 20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8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9"/>
      <w:footerReference w:type="first" r:id="rId10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7EF2079" w14:textId="77777777" w:rsidR="00AE0CAF" w:rsidRDefault="00AE0CAF">
      <w:pPr>
        <w:spacing w:after="0" w:line="240" w:lineRule="auto"/>
      </w:pPr>
      <w:r>
        <w:separator/>
      </w:r>
    </w:p>
  </w:endnote>
  <w:endnote w:type="continuationSeparator" w:id="0">
    <w:p w14:paraId="3E82B2AB" w14:textId="77777777" w:rsidR="00AE0CAF" w:rsidRDefault="00AE0CAF">
      <w:pPr>
        <w:spacing w:after="0" w:line="240" w:lineRule="auto"/>
      </w:pPr>
      <w:r>
        <w:continuationSeparator/>
      </w:r>
    </w:p>
  </w:endnote>
  <w:endnote w:type="continuationNotice" w:id="1">
    <w:p w14:paraId="73CBE7B4" w14:textId="77777777" w:rsidR="001818D8" w:rsidRDefault="001818D8">
      <w:pPr>
        <w:spacing w:after="0"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1818D8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02D3F470" w:rsidR="009000CE" w:rsidRDefault="001818D8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461BEF">
                <w:t>&lt;Team 43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837F66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Georgia Platt, Jackson Scown &amp; Gia Huy Lieu</w:t>
              </w:r>
            </w:sdtContent>
          </w:sdt>
        </w:p>
      </w:tc>
      <w:tc>
        <w:tcPr>
          <w:tcW w:w="4675" w:type="dxa"/>
        </w:tcPr>
        <w:p w14:paraId="66753B50" w14:textId="45E3754A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1818D8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12FF511C" w:rsidR="009000CE" w:rsidRDefault="001818D8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461BEF">
          <w:t>&lt;Team 43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837F66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eorgia Platt, Jackson Scown &amp; Gia Huy Lieu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5374C66" w14:textId="77777777" w:rsidR="00AE0CAF" w:rsidRDefault="00AE0CAF">
      <w:pPr>
        <w:spacing w:after="0" w:line="240" w:lineRule="auto"/>
      </w:pPr>
      <w:r>
        <w:separator/>
      </w:r>
    </w:p>
  </w:footnote>
  <w:footnote w:type="continuationSeparator" w:id="0">
    <w:p w14:paraId="5F567BBE" w14:textId="77777777" w:rsidR="00AE0CAF" w:rsidRDefault="00AE0CAF">
      <w:pPr>
        <w:spacing w:after="0" w:line="240" w:lineRule="auto"/>
      </w:pPr>
      <w:r>
        <w:continuationSeparator/>
      </w:r>
    </w:p>
  </w:footnote>
  <w:footnote w:type="continuationNotice" w:id="1">
    <w:p w14:paraId="3B811461" w14:textId="77777777" w:rsidR="001818D8" w:rsidRDefault="001818D8">
      <w:pPr>
        <w:spacing w:after="0" w:line="240" w:lineRule="auto"/>
      </w:pP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/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characterSpacingControl w:val="doNotCompress"/>
  <w:hdrShapeDefaults>
    <o:shapedefaults v:ext="edit" spidmax="6145"/>
  </w:hdrShapeDefaults>
  <w:footnotePr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18D8"/>
    <w:rsid w:val="00184AA9"/>
    <w:rsid w:val="002D4235"/>
    <w:rsid w:val="00461BEF"/>
    <w:rsid w:val="00575723"/>
    <w:rsid w:val="00837F66"/>
    <w:rsid w:val="009000CE"/>
    <w:rsid w:val="0097144C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6145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glossaryDocument" Target="glossary/document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3.xml"/><Relationship Id="rId4" Type="http://schemas.openxmlformats.org/officeDocument/2006/relationships/settings" Target="settings.xml"/><Relationship Id="rId9" Type="http://schemas.openxmlformats.org/officeDocument/2006/relationships/footer" Target="foot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DengXian Light">
    <w:altName w:val="等线 Light"/>
    <w:charset w:val="86"/>
    <w:family w:val="auto"/>
    <w:pitch w:val="variable"/>
    <w:sig w:usb0="A00002BF" w:usb1="38CF7CFA" w:usb2="00000016" w:usb3="00000000" w:csb0="0004000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26</TotalTime>
  <Pages>4</Pages>
  <Words>129</Words>
  <Characters>739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Team 43&gt; Executive Summary</dc:title>
  <dc:creator>Georgia Platt, Jackson Scown &amp; Gia Huy Lieu</dc:creator>
  <cp:keywords/>
  <cp:lastModifiedBy>Georgia Platt</cp:lastModifiedBy>
  <cp:revision>8</cp:revision>
  <dcterms:created xsi:type="dcterms:W3CDTF">2017-08-28T03:16:00Z</dcterms:created>
  <dcterms:modified xsi:type="dcterms:W3CDTF">2023-08-15T03:21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